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年度\R4.6月(7月1日現在)\"/>
    </mc:Choice>
  </mc:AlternateContent>
  <xr:revisionPtr revIDLastSave="0" documentId="13_ncr:1_{ABEA5C0E-8077-4A1B-A5B3-9DE7E29B13CF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4年 6月30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7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5" xfId="1" applyFont="1" applyBorder="1" applyAlignment="1">
      <alignment horizontal="center" vertical="center"/>
    </xf>
    <xf numFmtId="38" fontId="19" fillId="0" borderId="16" xfId="1" applyFont="1" applyBorder="1" applyAlignment="1">
      <alignment horizontal="center" vertical="center"/>
    </xf>
    <xf numFmtId="38" fontId="19" fillId="0" borderId="17" xfId="1" applyFont="1" applyBorder="1" applyAlignment="1">
      <alignment horizontal="center" vertical="center"/>
    </xf>
    <xf numFmtId="38" fontId="19" fillId="0" borderId="18" xfId="1" applyFont="1" applyBorder="1" applyAlignment="1">
      <alignment horizontal="center" vertical="center"/>
    </xf>
    <xf numFmtId="38" fontId="19" fillId="0" borderId="19" xfId="1" applyFont="1" applyBorder="1" applyAlignment="1">
      <alignment horizontal="center" vertical="center"/>
    </xf>
    <xf numFmtId="38" fontId="19" fillId="0" borderId="20" xfId="1" applyFont="1" applyBorder="1" applyAlignment="1">
      <alignment horizontal="center" vertical="center"/>
    </xf>
    <xf numFmtId="38" fontId="19" fillId="0" borderId="21" xfId="1" applyFont="1" applyBorder="1" applyAlignment="1">
      <alignment horizontal="center" vertical="center"/>
    </xf>
    <xf numFmtId="38" fontId="19" fillId="0" borderId="22" xfId="1" applyFont="1" applyBorder="1" applyAlignment="1">
      <alignment horizontal="center" vertical="center"/>
    </xf>
    <xf numFmtId="38" fontId="19" fillId="0" borderId="23" xfId="1" applyFont="1" applyBorder="1" applyAlignment="1">
      <alignment horizontal="center" vertical="center"/>
    </xf>
    <xf numFmtId="0" fontId="19" fillId="0" borderId="24" xfId="0" applyFont="1" applyBorder="1" applyAlignment="1">
      <alignment horizontal="center" vertical="center"/>
    </xf>
    <xf numFmtId="0" fontId="19" fillId="0" borderId="25" xfId="0" applyFont="1" applyBorder="1" applyAlignment="1">
      <alignment horizontal="center" vertical="center"/>
    </xf>
    <xf numFmtId="0" fontId="19" fillId="0" borderId="26" xfId="0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BCC730-B496-4B5A-A39D-8A0F73AF9496}">
  <dimension ref="A1:N52"/>
  <sheetViews>
    <sheetView tabSelected="1" zoomScaleNormal="10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5" t="s">
        <v>52</v>
      </c>
      <c r="B1" s="15"/>
      <c r="C1" s="15"/>
      <c r="D1" s="15"/>
      <c r="E1" s="15"/>
      <c r="F1" s="15"/>
      <c r="G1" s="15"/>
      <c r="H1" s="15"/>
      <c r="I1" s="15"/>
      <c r="J1" s="15"/>
      <c r="K1" s="15"/>
      <c r="L1" s="15"/>
      <c r="M1" s="15"/>
      <c r="N1" s="15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25" t="s">
        <v>38</v>
      </c>
      <c r="B4" s="16" t="s">
        <v>45</v>
      </c>
      <c r="C4" s="17"/>
      <c r="D4" s="17"/>
      <c r="E4" s="18"/>
      <c r="F4" s="22" t="s">
        <v>46</v>
      </c>
      <c r="G4" s="23"/>
      <c r="H4" s="23"/>
      <c r="I4" s="23"/>
      <c r="J4" s="23"/>
      <c r="K4" s="23"/>
      <c r="L4" s="23"/>
      <c r="M4" s="23"/>
      <c r="N4" s="24"/>
    </row>
    <row r="5" spans="1:14" ht="15" customHeight="1" x14ac:dyDescent="0.4">
      <c r="A5" s="26"/>
      <c r="B5" s="19"/>
      <c r="C5" s="20"/>
      <c r="D5" s="20"/>
      <c r="E5" s="21"/>
      <c r="F5" s="22" t="s">
        <v>47</v>
      </c>
      <c r="G5" s="23"/>
      <c r="H5" s="24"/>
      <c r="I5" s="22" t="s">
        <v>48</v>
      </c>
      <c r="J5" s="23"/>
      <c r="K5" s="24"/>
      <c r="L5" s="22" t="s">
        <v>49</v>
      </c>
      <c r="M5" s="23"/>
      <c r="N5" s="24"/>
    </row>
    <row r="6" spans="1:14" ht="15" customHeight="1" x14ac:dyDescent="0.4">
      <c r="A6" s="27"/>
      <c r="B6" s="5" t="s">
        <v>42</v>
      </c>
      <c r="C6" s="6" t="s">
        <v>43</v>
      </c>
      <c r="D6" s="12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8">
        <v>1099</v>
      </c>
      <c r="C7" s="9">
        <v>6</v>
      </c>
      <c r="D7" s="13">
        <v>5</v>
      </c>
      <c r="E7" s="10">
        <v>1110</v>
      </c>
      <c r="F7" s="8">
        <v>1169</v>
      </c>
      <c r="G7" s="9">
        <v>1215</v>
      </c>
      <c r="H7" s="10">
        <v>2384</v>
      </c>
      <c r="I7" s="8">
        <v>8</v>
      </c>
      <c r="J7" s="9">
        <v>7</v>
      </c>
      <c r="K7" s="10">
        <v>15</v>
      </c>
      <c r="L7" s="8">
        <v>1177</v>
      </c>
      <c r="M7" s="9">
        <v>1222</v>
      </c>
      <c r="N7" s="10">
        <v>2399</v>
      </c>
    </row>
    <row r="8" spans="1:14" ht="18" customHeight="1" x14ac:dyDescent="0.4">
      <c r="A8" s="2" t="s">
        <v>1</v>
      </c>
      <c r="B8" s="8">
        <v>473</v>
      </c>
      <c r="C8" s="9">
        <v>8</v>
      </c>
      <c r="D8" s="13">
        <v>6</v>
      </c>
      <c r="E8" s="10">
        <v>487</v>
      </c>
      <c r="F8" s="8">
        <v>416</v>
      </c>
      <c r="G8" s="9">
        <v>378</v>
      </c>
      <c r="H8" s="10">
        <v>794</v>
      </c>
      <c r="I8" s="8">
        <v>15</v>
      </c>
      <c r="J8" s="9">
        <v>0</v>
      </c>
      <c r="K8" s="10">
        <v>15</v>
      </c>
      <c r="L8" s="8">
        <v>431</v>
      </c>
      <c r="M8" s="9">
        <v>378</v>
      </c>
      <c r="N8" s="10">
        <v>809</v>
      </c>
    </row>
    <row r="9" spans="1:14" ht="18" customHeight="1" x14ac:dyDescent="0.4">
      <c r="A9" s="2" t="s">
        <v>2</v>
      </c>
      <c r="B9" s="8">
        <v>2288</v>
      </c>
      <c r="C9" s="9">
        <v>13</v>
      </c>
      <c r="D9" s="13">
        <v>8</v>
      </c>
      <c r="E9" s="10">
        <v>2309</v>
      </c>
      <c r="F9" s="8">
        <v>2151</v>
      </c>
      <c r="G9" s="9">
        <v>2153</v>
      </c>
      <c r="H9" s="10">
        <v>4304</v>
      </c>
      <c r="I9" s="8">
        <v>16</v>
      </c>
      <c r="J9" s="9">
        <v>16</v>
      </c>
      <c r="K9" s="10">
        <v>32</v>
      </c>
      <c r="L9" s="8">
        <v>2167</v>
      </c>
      <c r="M9" s="9">
        <v>2169</v>
      </c>
      <c r="N9" s="10">
        <v>4336</v>
      </c>
    </row>
    <row r="10" spans="1:14" ht="18" customHeight="1" x14ac:dyDescent="0.4">
      <c r="A10" s="2" t="s">
        <v>3</v>
      </c>
      <c r="B10" s="8">
        <v>2357</v>
      </c>
      <c r="C10" s="9">
        <v>19</v>
      </c>
      <c r="D10" s="13">
        <v>29</v>
      </c>
      <c r="E10" s="10">
        <v>2405</v>
      </c>
      <c r="F10" s="8">
        <v>2304</v>
      </c>
      <c r="G10" s="9">
        <v>2473</v>
      </c>
      <c r="H10" s="10">
        <v>4777</v>
      </c>
      <c r="I10" s="8">
        <v>34</v>
      </c>
      <c r="J10" s="9">
        <v>29</v>
      </c>
      <c r="K10" s="10">
        <v>63</v>
      </c>
      <c r="L10" s="8">
        <v>2338</v>
      </c>
      <c r="M10" s="9">
        <v>2502</v>
      </c>
      <c r="N10" s="10">
        <v>4840</v>
      </c>
    </row>
    <row r="11" spans="1:14" ht="18" customHeight="1" x14ac:dyDescent="0.4">
      <c r="A11" s="2" t="s">
        <v>4</v>
      </c>
      <c r="B11" s="8">
        <v>1058</v>
      </c>
      <c r="C11" s="9">
        <v>1</v>
      </c>
      <c r="D11" s="13">
        <v>4</v>
      </c>
      <c r="E11" s="10">
        <v>1063</v>
      </c>
      <c r="F11" s="8">
        <v>898</v>
      </c>
      <c r="G11" s="9">
        <v>1052</v>
      </c>
      <c r="H11" s="10">
        <v>1950</v>
      </c>
      <c r="I11" s="8">
        <v>4</v>
      </c>
      <c r="J11" s="9">
        <v>5</v>
      </c>
      <c r="K11" s="10">
        <v>9</v>
      </c>
      <c r="L11" s="8">
        <v>902</v>
      </c>
      <c r="M11" s="9">
        <v>1057</v>
      </c>
      <c r="N11" s="10">
        <v>1959</v>
      </c>
    </row>
    <row r="12" spans="1:14" ht="18" customHeight="1" x14ac:dyDescent="0.4">
      <c r="A12" s="2" t="s">
        <v>5</v>
      </c>
      <c r="B12" s="8">
        <v>742</v>
      </c>
      <c r="C12" s="9">
        <v>6</v>
      </c>
      <c r="D12" s="13">
        <v>3</v>
      </c>
      <c r="E12" s="10">
        <v>751</v>
      </c>
      <c r="F12" s="8">
        <v>683</v>
      </c>
      <c r="G12" s="9">
        <v>736</v>
      </c>
      <c r="H12" s="10">
        <v>1419</v>
      </c>
      <c r="I12" s="8">
        <v>12</v>
      </c>
      <c r="J12" s="9">
        <v>9</v>
      </c>
      <c r="K12" s="10">
        <v>21</v>
      </c>
      <c r="L12" s="8">
        <v>695</v>
      </c>
      <c r="M12" s="9">
        <v>745</v>
      </c>
      <c r="N12" s="10">
        <v>1440</v>
      </c>
    </row>
    <row r="13" spans="1:14" ht="18" customHeight="1" x14ac:dyDescent="0.4">
      <c r="A13" s="2" t="s">
        <v>6</v>
      </c>
      <c r="B13" s="8">
        <v>663</v>
      </c>
      <c r="C13" s="9">
        <v>5</v>
      </c>
      <c r="D13" s="13">
        <v>4</v>
      </c>
      <c r="E13" s="10">
        <v>672</v>
      </c>
      <c r="F13" s="8">
        <v>698</v>
      </c>
      <c r="G13" s="9">
        <v>664</v>
      </c>
      <c r="H13" s="10">
        <v>1362</v>
      </c>
      <c r="I13" s="8">
        <v>10</v>
      </c>
      <c r="J13" s="9">
        <v>6</v>
      </c>
      <c r="K13" s="10">
        <v>16</v>
      </c>
      <c r="L13" s="8">
        <v>708</v>
      </c>
      <c r="M13" s="9">
        <v>670</v>
      </c>
      <c r="N13" s="10">
        <v>1378</v>
      </c>
    </row>
    <row r="14" spans="1:14" ht="18" customHeight="1" x14ac:dyDescent="0.4">
      <c r="A14" s="2" t="s">
        <v>7</v>
      </c>
      <c r="B14" s="8">
        <v>339</v>
      </c>
      <c r="C14" s="9">
        <v>12</v>
      </c>
      <c r="D14" s="13">
        <v>3</v>
      </c>
      <c r="E14" s="10">
        <v>354</v>
      </c>
      <c r="F14" s="8">
        <v>349</v>
      </c>
      <c r="G14" s="9">
        <v>417</v>
      </c>
      <c r="H14" s="10">
        <v>766</v>
      </c>
      <c r="I14" s="8">
        <v>13</v>
      </c>
      <c r="J14" s="9">
        <v>5</v>
      </c>
      <c r="K14" s="10">
        <v>18</v>
      </c>
      <c r="L14" s="8">
        <v>362</v>
      </c>
      <c r="M14" s="9">
        <v>422</v>
      </c>
      <c r="N14" s="10">
        <v>784</v>
      </c>
    </row>
    <row r="15" spans="1:14" ht="18" customHeight="1" x14ac:dyDescent="0.4">
      <c r="A15" s="2" t="s">
        <v>8</v>
      </c>
      <c r="B15" s="8">
        <v>1492</v>
      </c>
      <c r="C15" s="9">
        <v>49</v>
      </c>
      <c r="D15" s="13">
        <v>14</v>
      </c>
      <c r="E15" s="10">
        <v>1555</v>
      </c>
      <c r="F15" s="8">
        <v>1228</v>
      </c>
      <c r="G15" s="9">
        <v>1216</v>
      </c>
      <c r="H15" s="10">
        <v>2444</v>
      </c>
      <c r="I15" s="8">
        <v>48</v>
      </c>
      <c r="J15" s="9">
        <v>36</v>
      </c>
      <c r="K15" s="10">
        <v>84</v>
      </c>
      <c r="L15" s="8">
        <v>1276</v>
      </c>
      <c r="M15" s="9">
        <v>1252</v>
      </c>
      <c r="N15" s="10">
        <v>2528</v>
      </c>
    </row>
    <row r="16" spans="1:14" ht="18" customHeight="1" x14ac:dyDescent="0.4">
      <c r="A16" s="2" t="s">
        <v>9</v>
      </c>
      <c r="B16" s="8">
        <v>3199</v>
      </c>
      <c r="C16" s="9">
        <v>66</v>
      </c>
      <c r="D16" s="13">
        <v>34</v>
      </c>
      <c r="E16" s="10">
        <v>3299</v>
      </c>
      <c r="F16" s="8">
        <v>3010</v>
      </c>
      <c r="G16" s="9">
        <v>3422</v>
      </c>
      <c r="H16" s="10">
        <v>6432</v>
      </c>
      <c r="I16" s="8">
        <v>67</v>
      </c>
      <c r="J16" s="9">
        <v>70</v>
      </c>
      <c r="K16" s="10">
        <v>137</v>
      </c>
      <c r="L16" s="8">
        <v>3077</v>
      </c>
      <c r="M16" s="9">
        <v>3492</v>
      </c>
      <c r="N16" s="10">
        <v>6569</v>
      </c>
    </row>
    <row r="17" spans="1:14" ht="18" customHeight="1" x14ac:dyDescent="0.4">
      <c r="A17" s="2" t="s">
        <v>10</v>
      </c>
      <c r="B17" s="8">
        <v>1862</v>
      </c>
      <c r="C17" s="9">
        <v>52</v>
      </c>
      <c r="D17" s="13">
        <v>15</v>
      </c>
      <c r="E17" s="10">
        <v>1929</v>
      </c>
      <c r="F17" s="8">
        <v>1766</v>
      </c>
      <c r="G17" s="9">
        <v>1857</v>
      </c>
      <c r="H17" s="10">
        <v>3623</v>
      </c>
      <c r="I17" s="8">
        <v>50</v>
      </c>
      <c r="J17" s="9">
        <v>32</v>
      </c>
      <c r="K17" s="10">
        <v>82</v>
      </c>
      <c r="L17" s="8">
        <v>1816</v>
      </c>
      <c r="M17" s="9">
        <v>1889</v>
      </c>
      <c r="N17" s="10">
        <v>3705</v>
      </c>
    </row>
    <row r="18" spans="1:14" ht="18" customHeight="1" x14ac:dyDescent="0.4">
      <c r="A18" s="2" t="s">
        <v>11</v>
      </c>
      <c r="B18" s="8">
        <v>642</v>
      </c>
      <c r="C18" s="9">
        <v>7</v>
      </c>
      <c r="D18" s="13">
        <v>1</v>
      </c>
      <c r="E18" s="10">
        <v>650</v>
      </c>
      <c r="F18" s="8">
        <v>616</v>
      </c>
      <c r="G18" s="9">
        <v>605</v>
      </c>
      <c r="H18" s="10">
        <v>1221</v>
      </c>
      <c r="I18" s="8">
        <v>8</v>
      </c>
      <c r="J18" s="9">
        <v>0</v>
      </c>
      <c r="K18" s="10">
        <v>8</v>
      </c>
      <c r="L18" s="8">
        <v>624</v>
      </c>
      <c r="M18" s="9">
        <v>605</v>
      </c>
      <c r="N18" s="10">
        <v>1229</v>
      </c>
    </row>
    <row r="19" spans="1:14" ht="18" customHeight="1" x14ac:dyDescent="0.4">
      <c r="A19" s="2" t="s">
        <v>12</v>
      </c>
      <c r="B19" s="8">
        <v>2267</v>
      </c>
      <c r="C19" s="9">
        <v>26</v>
      </c>
      <c r="D19" s="13">
        <v>17</v>
      </c>
      <c r="E19" s="10">
        <v>2310</v>
      </c>
      <c r="F19" s="8">
        <v>2161</v>
      </c>
      <c r="G19" s="9">
        <v>2337</v>
      </c>
      <c r="H19" s="10">
        <v>4498</v>
      </c>
      <c r="I19" s="8">
        <v>33</v>
      </c>
      <c r="J19" s="9">
        <v>19</v>
      </c>
      <c r="K19" s="10">
        <v>52</v>
      </c>
      <c r="L19" s="8">
        <v>2194</v>
      </c>
      <c r="M19" s="9">
        <v>2356</v>
      </c>
      <c r="N19" s="10">
        <v>4550</v>
      </c>
    </row>
    <row r="20" spans="1:14" ht="18" customHeight="1" x14ac:dyDescent="0.4">
      <c r="A20" s="2" t="s">
        <v>13</v>
      </c>
      <c r="B20" s="8">
        <v>1681</v>
      </c>
      <c r="C20" s="9">
        <v>11</v>
      </c>
      <c r="D20" s="13">
        <v>18</v>
      </c>
      <c r="E20" s="10">
        <v>1710</v>
      </c>
      <c r="F20" s="8">
        <v>1954</v>
      </c>
      <c r="G20" s="9">
        <v>2054</v>
      </c>
      <c r="H20" s="10">
        <v>4008</v>
      </c>
      <c r="I20" s="8">
        <v>23</v>
      </c>
      <c r="J20" s="9">
        <v>13</v>
      </c>
      <c r="K20" s="10">
        <v>36</v>
      </c>
      <c r="L20" s="8">
        <v>1977</v>
      </c>
      <c r="M20" s="9">
        <v>2067</v>
      </c>
      <c r="N20" s="10">
        <v>4044</v>
      </c>
    </row>
    <row r="21" spans="1:14" ht="18" customHeight="1" x14ac:dyDescent="0.4">
      <c r="A21" s="2" t="s">
        <v>14</v>
      </c>
      <c r="B21" s="8">
        <v>1141</v>
      </c>
      <c r="C21" s="9">
        <v>33</v>
      </c>
      <c r="D21" s="13">
        <v>13</v>
      </c>
      <c r="E21" s="10">
        <v>1187</v>
      </c>
      <c r="F21" s="8">
        <v>1088</v>
      </c>
      <c r="G21" s="9">
        <v>1228</v>
      </c>
      <c r="H21" s="10">
        <v>2316</v>
      </c>
      <c r="I21" s="8">
        <v>37</v>
      </c>
      <c r="J21" s="9">
        <v>22</v>
      </c>
      <c r="K21" s="10">
        <v>59</v>
      </c>
      <c r="L21" s="8">
        <v>1125</v>
      </c>
      <c r="M21" s="9">
        <v>1250</v>
      </c>
      <c r="N21" s="10">
        <v>2375</v>
      </c>
    </row>
    <row r="22" spans="1:14" ht="18" customHeight="1" x14ac:dyDescent="0.4">
      <c r="A22" s="2" t="s">
        <v>15</v>
      </c>
      <c r="B22" s="8">
        <v>1004</v>
      </c>
      <c r="C22" s="9">
        <v>13</v>
      </c>
      <c r="D22" s="13">
        <v>10</v>
      </c>
      <c r="E22" s="10">
        <v>1027</v>
      </c>
      <c r="F22" s="8">
        <v>979</v>
      </c>
      <c r="G22" s="9">
        <v>1061</v>
      </c>
      <c r="H22" s="10">
        <v>2040</v>
      </c>
      <c r="I22" s="8">
        <v>24</v>
      </c>
      <c r="J22" s="9">
        <v>12</v>
      </c>
      <c r="K22" s="10">
        <v>36</v>
      </c>
      <c r="L22" s="8">
        <v>1003</v>
      </c>
      <c r="M22" s="9">
        <v>1073</v>
      </c>
      <c r="N22" s="10">
        <v>2076</v>
      </c>
    </row>
    <row r="23" spans="1:14" ht="18" customHeight="1" x14ac:dyDescent="0.4">
      <c r="A23" s="2" t="s">
        <v>16</v>
      </c>
      <c r="B23" s="8">
        <v>2069</v>
      </c>
      <c r="C23" s="9">
        <v>14</v>
      </c>
      <c r="D23" s="13">
        <v>11</v>
      </c>
      <c r="E23" s="10">
        <v>2094</v>
      </c>
      <c r="F23" s="8">
        <v>2358</v>
      </c>
      <c r="G23" s="9">
        <v>2557</v>
      </c>
      <c r="H23" s="10">
        <v>4915</v>
      </c>
      <c r="I23" s="8">
        <v>20</v>
      </c>
      <c r="J23" s="9">
        <v>20</v>
      </c>
      <c r="K23" s="10">
        <v>40</v>
      </c>
      <c r="L23" s="8">
        <v>2378</v>
      </c>
      <c r="M23" s="9">
        <v>2577</v>
      </c>
      <c r="N23" s="10">
        <v>4955</v>
      </c>
    </row>
    <row r="24" spans="1:14" ht="18" customHeight="1" x14ac:dyDescent="0.4">
      <c r="A24" s="2" t="s">
        <v>17</v>
      </c>
      <c r="B24" s="8">
        <v>4993</v>
      </c>
      <c r="C24" s="9">
        <v>43</v>
      </c>
      <c r="D24" s="13">
        <v>34</v>
      </c>
      <c r="E24" s="10">
        <v>5070</v>
      </c>
      <c r="F24" s="8">
        <v>5848</v>
      </c>
      <c r="G24" s="9">
        <v>6310</v>
      </c>
      <c r="H24" s="10">
        <v>12158</v>
      </c>
      <c r="I24" s="8">
        <v>58</v>
      </c>
      <c r="J24" s="9">
        <v>40</v>
      </c>
      <c r="K24" s="10">
        <v>98</v>
      </c>
      <c r="L24" s="8">
        <v>5906</v>
      </c>
      <c r="M24" s="9">
        <v>6350</v>
      </c>
      <c r="N24" s="10">
        <v>12256</v>
      </c>
    </row>
    <row r="25" spans="1:14" ht="18" customHeight="1" x14ac:dyDescent="0.4">
      <c r="A25" s="2" t="s">
        <v>18</v>
      </c>
      <c r="B25" s="8">
        <v>2654</v>
      </c>
      <c r="C25" s="9">
        <v>22</v>
      </c>
      <c r="D25" s="13">
        <v>14</v>
      </c>
      <c r="E25" s="10">
        <v>2690</v>
      </c>
      <c r="F25" s="8">
        <v>3122</v>
      </c>
      <c r="G25" s="9">
        <v>3234</v>
      </c>
      <c r="H25" s="10">
        <v>6356</v>
      </c>
      <c r="I25" s="8">
        <v>29</v>
      </c>
      <c r="J25" s="9">
        <v>27</v>
      </c>
      <c r="K25" s="10">
        <v>56</v>
      </c>
      <c r="L25" s="8">
        <v>3151</v>
      </c>
      <c r="M25" s="9">
        <v>3261</v>
      </c>
      <c r="N25" s="10">
        <v>6412</v>
      </c>
    </row>
    <row r="26" spans="1:14" ht="18" customHeight="1" x14ac:dyDescent="0.4">
      <c r="A26" s="2" t="s">
        <v>19</v>
      </c>
      <c r="B26" s="8">
        <v>241</v>
      </c>
      <c r="C26" s="9">
        <v>1</v>
      </c>
      <c r="D26" s="13">
        <v>0</v>
      </c>
      <c r="E26" s="10">
        <v>242</v>
      </c>
      <c r="F26" s="8">
        <v>181</v>
      </c>
      <c r="G26" s="9">
        <v>189</v>
      </c>
      <c r="H26" s="10">
        <v>370</v>
      </c>
      <c r="I26" s="8">
        <v>0</v>
      </c>
      <c r="J26" s="9">
        <v>1</v>
      </c>
      <c r="K26" s="10">
        <v>1</v>
      </c>
      <c r="L26" s="8">
        <v>181</v>
      </c>
      <c r="M26" s="9">
        <v>190</v>
      </c>
      <c r="N26" s="10">
        <v>371</v>
      </c>
    </row>
    <row r="27" spans="1:14" ht="18" customHeight="1" x14ac:dyDescent="0.4">
      <c r="A27" s="2" t="s">
        <v>20</v>
      </c>
      <c r="B27" s="8">
        <v>1921</v>
      </c>
      <c r="C27" s="9">
        <v>20</v>
      </c>
      <c r="D27" s="13">
        <v>13</v>
      </c>
      <c r="E27" s="10">
        <v>1954</v>
      </c>
      <c r="F27" s="8">
        <v>2137</v>
      </c>
      <c r="G27" s="9">
        <v>2135</v>
      </c>
      <c r="H27" s="10">
        <v>4272</v>
      </c>
      <c r="I27" s="8">
        <v>17</v>
      </c>
      <c r="J27" s="9">
        <v>22</v>
      </c>
      <c r="K27" s="10">
        <v>39</v>
      </c>
      <c r="L27" s="8">
        <v>2154</v>
      </c>
      <c r="M27" s="9">
        <v>2157</v>
      </c>
      <c r="N27" s="10">
        <v>4311</v>
      </c>
    </row>
    <row r="28" spans="1:14" ht="18" customHeight="1" x14ac:dyDescent="0.4">
      <c r="A28" s="2" t="s">
        <v>21</v>
      </c>
      <c r="B28" s="8">
        <v>854</v>
      </c>
      <c r="C28" s="9">
        <v>14</v>
      </c>
      <c r="D28" s="13">
        <v>9</v>
      </c>
      <c r="E28" s="10">
        <v>877</v>
      </c>
      <c r="F28" s="8">
        <v>1029</v>
      </c>
      <c r="G28" s="9">
        <v>1067</v>
      </c>
      <c r="H28" s="10">
        <v>2096</v>
      </c>
      <c r="I28" s="8">
        <v>22</v>
      </c>
      <c r="J28" s="9">
        <v>12</v>
      </c>
      <c r="K28" s="10">
        <v>34</v>
      </c>
      <c r="L28" s="8">
        <v>1051</v>
      </c>
      <c r="M28" s="9">
        <v>1079</v>
      </c>
      <c r="N28" s="10">
        <v>2130</v>
      </c>
    </row>
    <row r="29" spans="1:14" ht="18" customHeight="1" x14ac:dyDescent="0.4">
      <c r="A29" s="2" t="s">
        <v>22</v>
      </c>
      <c r="B29" s="8">
        <v>2482</v>
      </c>
      <c r="C29" s="9">
        <v>35</v>
      </c>
      <c r="D29" s="13">
        <v>22</v>
      </c>
      <c r="E29" s="10">
        <v>2539</v>
      </c>
      <c r="F29" s="8">
        <v>2464</v>
      </c>
      <c r="G29" s="9">
        <v>2591</v>
      </c>
      <c r="H29" s="10">
        <v>5055</v>
      </c>
      <c r="I29" s="8">
        <v>43</v>
      </c>
      <c r="J29" s="9">
        <v>33</v>
      </c>
      <c r="K29" s="10">
        <v>76</v>
      </c>
      <c r="L29" s="8">
        <v>2507</v>
      </c>
      <c r="M29" s="9">
        <v>2624</v>
      </c>
      <c r="N29" s="10">
        <v>5131</v>
      </c>
    </row>
    <row r="30" spans="1:14" ht="18" customHeight="1" x14ac:dyDescent="0.4">
      <c r="A30" s="2" t="s">
        <v>23</v>
      </c>
      <c r="B30" s="8">
        <v>2449</v>
      </c>
      <c r="C30" s="9">
        <v>41</v>
      </c>
      <c r="D30" s="13">
        <v>8</v>
      </c>
      <c r="E30" s="10">
        <v>2498</v>
      </c>
      <c r="F30" s="8">
        <v>2778</v>
      </c>
      <c r="G30" s="9">
        <v>2984</v>
      </c>
      <c r="H30" s="10">
        <v>5762</v>
      </c>
      <c r="I30" s="8">
        <v>43</v>
      </c>
      <c r="J30" s="9">
        <v>11</v>
      </c>
      <c r="K30" s="10">
        <v>54</v>
      </c>
      <c r="L30" s="8">
        <v>2821</v>
      </c>
      <c r="M30" s="9">
        <v>2995</v>
      </c>
      <c r="N30" s="10">
        <v>5816</v>
      </c>
    </row>
    <row r="31" spans="1:14" ht="18" customHeight="1" x14ac:dyDescent="0.4">
      <c r="A31" s="2" t="s">
        <v>24</v>
      </c>
      <c r="B31" s="8">
        <v>1281</v>
      </c>
      <c r="C31" s="9">
        <v>11</v>
      </c>
      <c r="D31" s="13">
        <v>12</v>
      </c>
      <c r="E31" s="10">
        <v>1304</v>
      </c>
      <c r="F31" s="8">
        <v>1316</v>
      </c>
      <c r="G31" s="9">
        <v>1428</v>
      </c>
      <c r="H31" s="10">
        <v>2744</v>
      </c>
      <c r="I31" s="8">
        <v>14</v>
      </c>
      <c r="J31" s="9">
        <v>14</v>
      </c>
      <c r="K31" s="10">
        <v>28</v>
      </c>
      <c r="L31" s="8">
        <v>1330</v>
      </c>
      <c r="M31" s="9">
        <v>1442</v>
      </c>
      <c r="N31" s="10">
        <v>2772</v>
      </c>
    </row>
    <row r="32" spans="1:14" ht="18" customHeight="1" x14ac:dyDescent="0.4">
      <c r="A32" s="2" t="s">
        <v>25</v>
      </c>
      <c r="B32" s="8">
        <v>2681</v>
      </c>
      <c r="C32" s="9">
        <v>22</v>
      </c>
      <c r="D32" s="13">
        <v>15</v>
      </c>
      <c r="E32" s="10">
        <v>2718</v>
      </c>
      <c r="F32" s="8">
        <v>3202</v>
      </c>
      <c r="G32" s="9">
        <v>3224</v>
      </c>
      <c r="H32" s="10">
        <v>6426</v>
      </c>
      <c r="I32" s="8">
        <v>28</v>
      </c>
      <c r="J32" s="9">
        <v>25</v>
      </c>
      <c r="K32" s="10">
        <v>53</v>
      </c>
      <c r="L32" s="8">
        <v>3230</v>
      </c>
      <c r="M32" s="9">
        <v>3249</v>
      </c>
      <c r="N32" s="10">
        <v>6479</v>
      </c>
    </row>
    <row r="33" spans="1:14" ht="18" customHeight="1" x14ac:dyDescent="0.4">
      <c r="A33" s="2" t="s">
        <v>26</v>
      </c>
      <c r="B33" s="8">
        <v>3576</v>
      </c>
      <c r="C33" s="9">
        <v>40</v>
      </c>
      <c r="D33" s="13">
        <v>48</v>
      </c>
      <c r="E33" s="10">
        <v>3664</v>
      </c>
      <c r="F33" s="8">
        <v>3932</v>
      </c>
      <c r="G33" s="9">
        <v>4359</v>
      </c>
      <c r="H33" s="10">
        <v>8291</v>
      </c>
      <c r="I33" s="8">
        <v>76</v>
      </c>
      <c r="J33" s="9">
        <v>43</v>
      </c>
      <c r="K33" s="10">
        <v>119</v>
      </c>
      <c r="L33" s="8">
        <v>4008</v>
      </c>
      <c r="M33" s="9">
        <v>4402</v>
      </c>
      <c r="N33" s="10">
        <v>8410</v>
      </c>
    </row>
    <row r="34" spans="1:14" ht="18" customHeight="1" x14ac:dyDescent="0.4">
      <c r="A34" s="2" t="s">
        <v>27</v>
      </c>
      <c r="B34" s="8">
        <v>2086</v>
      </c>
      <c r="C34" s="9">
        <v>21</v>
      </c>
      <c r="D34" s="13">
        <v>14</v>
      </c>
      <c r="E34" s="10">
        <v>2121</v>
      </c>
      <c r="F34" s="8">
        <v>2255</v>
      </c>
      <c r="G34" s="9">
        <v>2266</v>
      </c>
      <c r="H34" s="10">
        <v>4521</v>
      </c>
      <c r="I34" s="8">
        <v>26</v>
      </c>
      <c r="J34" s="9">
        <v>18</v>
      </c>
      <c r="K34" s="10">
        <v>44</v>
      </c>
      <c r="L34" s="8">
        <v>2281</v>
      </c>
      <c r="M34" s="9">
        <v>2284</v>
      </c>
      <c r="N34" s="10">
        <v>4565</v>
      </c>
    </row>
    <row r="35" spans="1:14" ht="18" customHeight="1" x14ac:dyDescent="0.4">
      <c r="A35" s="2" t="s">
        <v>28</v>
      </c>
      <c r="B35" s="8">
        <v>445</v>
      </c>
      <c r="C35" s="9">
        <v>3</v>
      </c>
      <c r="D35" s="13">
        <v>5</v>
      </c>
      <c r="E35" s="10">
        <v>453</v>
      </c>
      <c r="F35" s="8">
        <v>524</v>
      </c>
      <c r="G35" s="9">
        <v>579</v>
      </c>
      <c r="H35" s="10">
        <v>1103</v>
      </c>
      <c r="I35" s="8">
        <v>5</v>
      </c>
      <c r="J35" s="9">
        <v>3</v>
      </c>
      <c r="K35" s="10">
        <v>8</v>
      </c>
      <c r="L35" s="8">
        <v>529</v>
      </c>
      <c r="M35" s="9">
        <v>582</v>
      </c>
      <c r="N35" s="10">
        <v>1111</v>
      </c>
    </row>
    <row r="36" spans="1:14" ht="18" customHeight="1" x14ac:dyDescent="0.4">
      <c r="A36" s="2" t="s">
        <v>29</v>
      </c>
      <c r="B36" s="8">
        <v>3099</v>
      </c>
      <c r="C36" s="9">
        <v>63</v>
      </c>
      <c r="D36" s="13">
        <v>41</v>
      </c>
      <c r="E36" s="10">
        <v>3203</v>
      </c>
      <c r="F36" s="8">
        <v>3348</v>
      </c>
      <c r="G36" s="9">
        <v>3610</v>
      </c>
      <c r="H36" s="10">
        <v>6958</v>
      </c>
      <c r="I36" s="8">
        <v>84</v>
      </c>
      <c r="J36" s="9">
        <v>49</v>
      </c>
      <c r="K36" s="10">
        <v>133</v>
      </c>
      <c r="L36" s="8">
        <v>3432</v>
      </c>
      <c r="M36" s="9">
        <v>3659</v>
      </c>
      <c r="N36" s="10">
        <v>7091</v>
      </c>
    </row>
    <row r="37" spans="1:14" ht="18" customHeight="1" x14ac:dyDescent="0.4">
      <c r="A37" s="2" t="s">
        <v>30</v>
      </c>
      <c r="B37" s="8">
        <v>1796</v>
      </c>
      <c r="C37" s="9">
        <v>35</v>
      </c>
      <c r="D37" s="13">
        <v>21</v>
      </c>
      <c r="E37" s="10">
        <v>1852</v>
      </c>
      <c r="F37" s="8">
        <v>1830</v>
      </c>
      <c r="G37" s="9">
        <v>2188</v>
      </c>
      <c r="H37" s="10">
        <v>4018</v>
      </c>
      <c r="I37" s="8">
        <v>52</v>
      </c>
      <c r="J37" s="9">
        <v>23</v>
      </c>
      <c r="K37" s="10">
        <v>75</v>
      </c>
      <c r="L37" s="8">
        <v>1882</v>
      </c>
      <c r="M37" s="9">
        <v>2211</v>
      </c>
      <c r="N37" s="10">
        <v>4093</v>
      </c>
    </row>
    <row r="38" spans="1:14" ht="18" customHeight="1" x14ac:dyDescent="0.4">
      <c r="A38" s="2" t="s">
        <v>31</v>
      </c>
      <c r="B38" s="8">
        <v>3932</v>
      </c>
      <c r="C38" s="9">
        <v>69</v>
      </c>
      <c r="D38" s="13">
        <v>38</v>
      </c>
      <c r="E38" s="10">
        <v>4039</v>
      </c>
      <c r="F38" s="8">
        <v>4437</v>
      </c>
      <c r="G38" s="9">
        <v>4625</v>
      </c>
      <c r="H38" s="10">
        <v>9062</v>
      </c>
      <c r="I38" s="8">
        <v>90</v>
      </c>
      <c r="J38" s="9">
        <v>38</v>
      </c>
      <c r="K38" s="10">
        <v>128</v>
      </c>
      <c r="L38" s="8">
        <v>4527</v>
      </c>
      <c r="M38" s="9">
        <v>4663</v>
      </c>
      <c r="N38" s="10">
        <v>9190</v>
      </c>
    </row>
    <row r="39" spans="1:14" ht="18" customHeight="1" x14ac:dyDescent="0.4">
      <c r="A39" s="2" t="s">
        <v>32</v>
      </c>
      <c r="B39" s="8">
        <v>1481</v>
      </c>
      <c r="C39" s="9">
        <v>3</v>
      </c>
      <c r="D39" s="13">
        <v>14</v>
      </c>
      <c r="E39" s="10">
        <v>1498</v>
      </c>
      <c r="F39" s="8">
        <v>1745</v>
      </c>
      <c r="G39" s="9">
        <v>1943</v>
      </c>
      <c r="H39" s="10">
        <v>3688</v>
      </c>
      <c r="I39" s="8">
        <v>12</v>
      </c>
      <c r="J39" s="9">
        <v>7</v>
      </c>
      <c r="K39" s="10">
        <v>19</v>
      </c>
      <c r="L39" s="8">
        <v>1757</v>
      </c>
      <c r="M39" s="9">
        <v>1950</v>
      </c>
      <c r="N39" s="10">
        <v>3707</v>
      </c>
    </row>
    <row r="40" spans="1:14" ht="18" customHeight="1" x14ac:dyDescent="0.4">
      <c r="A40" s="2" t="s">
        <v>33</v>
      </c>
      <c r="B40" s="8">
        <v>437</v>
      </c>
      <c r="C40" s="9">
        <v>3</v>
      </c>
      <c r="D40" s="13">
        <v>6</v>
      </c>
      <c r="E40" s="10">
        <v>446</v>
      </c>
      <c r="F40" s="8">
        <v>467</v>
      </c>
      <c r="G40" s="9">
        <v>502</v>
      </c>
      <c r="H40" s="10">
        <v>969</v>
      </c>
      <c r="I40" s="8">
        <v>7</v>
      </c>
      <c r="J40" s="9">
        <v>4</v>
      </c>
      <c r="K40" s="10">
        <v>11</v>
      </c>
      <c r="L40" s="8">
        <v>474</v>
      </c>
      <c r="M40" s="9">
        <v>506</v>
      </c>
      <c r="N40" s="10">
        <v>980</v>
      </c>
    </row>
    <row r="41" spans="1:14" ht="18" customHeight="1" x14ac:dyDescent="0.4">
      <c r="A41" s="2" t="s">
        <v>34</v>
      </c>
      <c r="B41" s="8">
        <v>1127</v>
      </c>
      <c r="C41" s="9">
        <v>8</v>
      </c>
      <c r="D41" s="13">
        <v>7</v>
      </c>
      <c r="E41" s="10">
        <v>1142</v>
      </c>
      <c r="F41" s="8">
        <v>1177</v>
      </c>
      <c r="G41" s="9">
        <v>1233</v>
      </c>
      <c r="H41" s="10">
        <v>2410</v>
      </c>
      <c r="I41" s="8">
        <v>11</v>
      </c>
      <c r="J41" s="9">
        <v>7</v>
      </c>
      <c r="K41" s="10">
        <v>18</v>
      </c>
      <c r="L41" s="8">
        <v>1188</v>
      </c>
      <c r="M41" s="9">
        <v>1240</v>
      </c>
      <c r="N41" s="10">
        <v>2428</v>
      </c>
    </row>
    <row r="42" spans="1:14" ht="18" customHeight="1" x14ac:dyDescent="0.4">
      <c r="A42" s="2" t="s">
        <v>35</v>
      </c>
      <c r="B42" s="8">
        <v>1057</v>
      </c>
      <c r="C42" s="9">
        <v>1</v>
      </c>
      <c r="D42" s="13">
        <v>5</v>
      </c>
      <c r="E42" s="10">
        <v>1063</v>
      </c>
      <c r="F42" s="8">
        <v>1180</v>
      </c>
      <c r="G42" s="9">
        <v>1325</v>
      </c>
      <c r="H42" s="10">
        <v>2505</v>
      </c>
      <c r="I42" s="8">
        <v>6</v>
      </c>
      <c r="J42" s="9">
        <v>0</v>
      </c>
      <c r="K42" s="10">
        <v>6</v>
      </c>
      <c r="L42" s="8">
        <v>1186</v>
      </c>
      <c r="M42" s="9">
        <v>1325</v>
      </c>
      <c r="N42" s="10">
        <v>2511</v>
      </c>
    </row>
    <row r="43" spans="1:14" ht="18" customHeight="1" x14ac:dyDescent="0.4">
      <c r="A43" s="2" t="s">
        <v>36</v>
      </c>
      <c r="B43" s="8">
        <v>1146</v>
      </c>
      <c r="C43" s="9">
        <v>25</v>
      </c>
      <c r="D43" s="13">
        <v>9</v>
      </c>
      <c r="E43" s="10">
        <v>1180</v>
      </c>
      <c r="F43" s="8">
        <v>1316</v>
      </c>
      <c r="G43" s="9">
        <v>1305</v>
      </c>
      <c r="H43" s="10">
        <v>2621</v>
      </c>
      <c r="I43" s="8">
        <v>19</v>
      </c>
      <c r="J43" s="9">
        <v>24</v>
      </c>
      <c r="K43" s="10">
        <v>43</v>
      </c>
      <c r="L43" s="8">
        <v>1335</v>
      </c>
      <c r="M43" s="9">
        <v>1329</v>
      </c>
      <c r="N43" s="10">
        <v>2664</v>
      </c>
    </row>
    <row r="44" spans="1:14" ht="18" customHeight="1" x14ac:dyDescent="0.4">
      <c r="A44" s="2" t="s">
        <v>37</v>
      </c>
      <c r="B44" s="8">
        <v>147</v>
      </c>
      <c r="C44" s="9">
        <v>2</v>
      </c>
      <c r="D44" s="13">
        <v>1</v>
      </c>
      <c r="E44" s="10">
        <v>150</v>
      </c>
      <c r="F44" s="8">
        <v>95</v>
      </c>
      <c r="G44" s="9">
        <v>176</v>
      </c>
      <c r="H44" s="10">
        <v>271</v>
      </c>
      <c r="I44" s="8">
        <v>1</v>
      </c>
      <c r="J44" s="9">
        <v>2</v>
      </c>
      <c r="K44" s="10">
        <v>3</v>
      </c>
      <c r="L44" s="8">
        <v>96</v>
      </c>
      <c r="M44" s="9">
        <v>178</v>
      </c>
      <c r="N44" s="10">
        <v>274</v>
      </c>
    </row>
    <row r="45" spans="1:14" ht="18" customHeight="1" x14ac:dyDescent="0.4">
      <c r="A45" s="2"/>
      <c r="B45" s="8"/>
      <c r="C45" s="9"/>
      <c r="D45" s="13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8"/>
      <c r="C46" s="9"/>
      <c r="D46" s="13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8"/>
      <c r="C47" s="9"/>
      <c r="D47" s="13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8"/>
      <c r="C48" s="9"/>
      <c r="D48" s="13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3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3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3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4" t="s">
        <v>51</v>
      </c>
      <c r="B52" s="8">
        <v>64261</v>
      </c>
      <c r="C52" s="9">
        <v>823</v>
      </c>
      <c r="D52" s="13">
        <v>531</v>
      </c>
      <c r="E52" s="10">
        <v>65615</v>
      </c>
      <c r="F52" s="8">
        <v>68211</v>
      </c>
      <c r="G52" s="9">
        <v>72698</v>
      </c>
      <c r="H52" s="10">
        <v>140909</v>
      </c>
      <c r="I52" s="8">
        <v>1065</v>
      </c>
      <c r="J52" s="9">
        <v>704</v>
      </c>
      <c r="K52" s="10">
        <v>1769</v>
      </c>
      <c r="L52" s="8">
        <v>69276</v>
      </c>
      <c r="M52" s="9">
        <v>73402</v>
      </c>
      <c r="N52" s="10">
        <v>142678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03T10:12:51Z</cp:lastPrinted>
  <dcterms:created xsi:type="dcterms:W3CDTF">2019-11-13T09:53:37Z</dcterms:created>
  <dcterms:modified xsi:type="dcterms:W3CDTF">2022-07-05T05:32:25Z</dcterms:modified>
</cp:coreProperties>
</file>